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13_ncr:1_{20F0CAFB-4A51-4018-BA5B-AFDD63C71676}" xr6:coauthVersionLast="47" xr6:coauthVersionMax="47" xr10:uidLastSave="{00000000-0000-0000-0000-000000000000}"/>
  <bookViews>
    <workbookView xWindow="-3638" yWindow="8002" windowWidth="21796" windowHeight="13875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500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33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6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29" t="s">
        <v>5</v>
      </c>
      <c r="B1" s="29"/>
      <c r="C1" s="29"/>
      <c r="D1" s="29"/>
      <c r="E1" s="29"/>
      <c r="F1" s="29"/>
      <c r="G1" s="29"/>
      <c r="H1" s="29"/>
      <c r="I1" s="29"/>
    </row>
    <row r="2" spans="1:9" ht="23.1" customHeight="1" x14ac:dyDescent="0.15">
      <c r="A2" s="30"/>
      <c r="B2" s="31"/>
      <c r="C2" s="31"/>
      <c r="D2" s="31"/>
      <c r="E2" s="32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26" t="s">
        <v>8</v>
      </c>
      <c r="B3" s="9">
        <v>7</v>
      </c>
      <c r="C3" s="27" t="s">
        <v>3</v>
      </c>
      <c r="D3" s="11">
        <v>12</v>
      </c>
      <c r="E3" s="28" t="s">
        <v>11</v>
      </c>
      <c r="F3" s="17">
        <v>6903</v>
      </c>
      <c r="G3" s="17">
        <v>10259</v>
      </c>
      <c r="H3" s="17">
        <v>5325</v>
      </c>
      <c r="I3" s="17">
        <v>4934</v>
      </c>
    </row>
    <row r="4" spans="1:9" ht="23.1" customHeight="1" x14ac:dyDescent="0.15">
      <c r="A4" s="23" t="s">
        <v>8</v>
      </c>
      <c r="B4" s="9">
        <v>7</v>
      </c>
      <c r="C4" s="24" t="s">
        <v>3</v>
      </c>
      <c r="D4" s="11">
        <v>11</v>
      </c>
      <c r="E4" s="25" t="s">
        <v>11</v>
      </c>
      <c r="F4" s="17">
        <v>6932</v>
      </c>
      <c r="G4" s="17">
        <v>10276</v>
      </c>
      <c r="H4" s="17">
        <v>5336</v>
      </c>
      <c r="I4" s="17">
        <v>4940</v>
      </c>
    </row>
    <row r="5" spans="1:9" ht="23.1" customHeight="1" x14ac:dyDescent="0.15">
      <c r="A5" s="4" t="s">
        <v>8</v>
      </c>
      <c r="B5" s="9">
        <v>7</v>
      </c>
      <c r="C5" s="8" t="s">
        <v>3</v>
      </c>
      <c r="D5" s="11">
        <v>10</v>
      </c>
      <c r="E5" s="13" t="s">
        <v>11</v>
      </c>
      <c r="F5" s="17">
        <v>6796</v>
      </c>
      <c r="G5" s="17">
        <v>10131</v>
      </c>
      <c r="H5" s="17">
        <v>5245</v>
      </c>
      <c r="I5" s="17">
        <v>4886</v>
      </c>
    </row>
    <row r="6" spans="1:9" ht="23.1" customHeight="1" x14ac:dyDescent="0.15">
      <c r="A6" s="4" t="s">
        <v>8</v>
      </c>
      <c r="B6" s="9">
        <v>7</v>
      </c>
      <c r="C6" s="8" t="s">
        <v>3</v>
      </c>
      <c r="D6" s="11">
        <v>9</v>
      </c>
      <c r="E6" s="13" t="s">
        <v>11</v>
      </c>
      <c r="F6" s="17">
        <v>6777</v>
      </c>
      <c r="G6" s="17">
        <v>10090</v>
      </c>
      <c r="H6" s="17">
        <v>5219</v>
      </c>
      <c r="I6" s="17">
        <v>4871</v>
      </c>
    </row>
    <row r="7" spans="1:9" ht="23.1" customHeight="1" x14ac:dyDescent="0.15">
      <c r="A7" s="4" t="s">
        <v>8</v>
      </c>
      <c r="B7" s="9">
        <v>7</v>
      </c>
      <c r="C7" s="8" t="s">
        <v>3</v>
      </c>
      <c r="D7" s="11">
        <v>8</v>
      </c>
      <c r="E7" s="13" t="s">
        <v>11</v>
      </c>
      <c r="F7" s="17">
        <v>6721</v>
      </c>
      <c r="G7" s="17">
        <v>10003</v>
      </c>
      <c r="H7" s="17">
        <v>5165</v>
      </c>
      <c r="I7" s="17">
        <v>4838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7</v>
      </c>
      <c r="E8" s="13" t="s">
        <v>11</v>
      </c>
      <c r="F8" s="17">
        <v>6604</v>
      </c>
      <c r="G8" s="17">
        <v>9851</v>
      </c>
      <c r="H8" s="17">
        <v>5046</v>
      </c>
      <c r="I8" s="17">
        <v>4805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6</v>
      </c>
      <c r="E9" s="13" t="s">
        <v>11</v>
      </c>
      <c r="F9" s="17">
        <v>6538</v>
      </c>
      <c r="G9" s="17">
        <v>9783</v>
      </c>
      <c r="H9" s="17">
        <v>4979</v>
      </c>
      <c r="I9" s="17">
        <v>4804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5</v>
      </c>
      <c r="E10" s="13" t="s">
        <v>11</v>
      </c>
      <c r="F10" s="17">
        <v>6501</v>
      </c>
      <c r="G10" s="17">
        <v>9742</v>
      </c>
      <c r="H10" s="17">
        <v>4930</v>
      </c>
      <c r="I10" s="17">
        <v>4812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4</v>
      </c>
      <c r="E11" s="13" t="s">
        <v>11</v>
      </c>
      <c r="F11" s="17">
        <v>6396</v>
      </c>
      <c r="G11" s="17">
        <v>9625</v>
      </c>
      <c r="H11" s="17">
        <v>4875</v>
      </c>
      <c r="I11" s="17">
        <v>4750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3</v>
      </c>
      <c r="E12" s="13" t="s">
        <v>11</v>
      </c>
      <c r="F12" s="17">
        <v>6315</v>
      </c>
      <c r="G12" s="17">
        <v>9533</v>
      </c>
      <c r="H12" s="17">
        <v>4855</v>
      </c>
      <c r="I12" s="17">
        <v>4678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2</v>
      </c>
      <c r="E13" s="13" t="s">
        <v>11</v>
      </c>
      <c r="F13" s="17">
        <v>6308</v>
      </c>
      <c r="G13" s="17">
        <v>9527</v>
      </c>
      <c r="H13" s="17">
        <v>4815</v>
      </c>
      <c r="I13" s="17">
        <v>4712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1</v>
      </c>
      <c r="E14" s="13" t="s">
        <v>11</v>
      </c>
      <c r="F14" s="17">
        <v>6193</v>
      </c>
      <c r="G14" s="17">
        <v>9385</v>
      </c>
      <c r="H14" s="17">
        <v>4729</v>
      </c>
      <c r="I14" s="17">
        <v>4656</v>
      </c>
    </row>
    <row r="15" spans="1:9" ht="23.1" customHeight="1" x14ac:dyDescent="0.15">
      <c r="A15" s="4" t="s">
        <v>8</v>
      </c>
      <c r="B15" s="9">
        <v>6</v>
      </c>
      <c r="C15" s="8" t="s">
        <v>3</v>
      </c>
      <c r="D15" s="11">
        <v>12</v>
      </c>
      <c r="E15" s="13" t="s">
        <v>11</v>
      </c>
      <c r="F15" s="17">
        <v>6163</v>
      </c>
      <c r="G15" s="17">
        <v>9316</v>
      </c>
      <c r="H15" s="17">
        <v>4717</v>
      </c>
      <c r="I15" s="17">
        <v>4599</v>
      </c>
    </row>
    <row r="16" spans="1:9" ht="23.1" customHeight="1" x14ac:dyDescent="0.15">
      <c r="A16" s="4" t="s">
        <v>8</v>
      </c>
      <c r="B16" s="9">
        <v>6</v>
      </c>
      <c r="C16" s="8" t="s">
        <v>3</v>
      </c>
      <c r="D16" s="11">
        <v>11</v>
      </c>
      <c r="E16" s="13" t="s">
        <v>11</v>
      </c>
      <c r="F16" s="17">
        <v>6197</v>
      </c>
      <c r="G16" s="17">
        <v>9352</v>
      </c>
      <c r="H16" s="17">
        <v>4726</v>
      </c>
      <c r="I16" s="17">
        <v>4626</v>
      </c>
    </row>
    <row r="17" spans="1:9" ht="23.1" customHeight="1" x14ac:dyDescent="0.15">
      <c r="A17" s="4" t="s">
        <v>8</v>
      </c>
      <c r="B17" s="9">
        <v>6</v>
      </c>
      <c r="C17" s="8" t="s">
        <v>3</v>
      </c>
      <c r="D17" s="11">
        <v>10</v>
      </c>
      <c r="E17" s="13" t="s">
        <v>11</v>
      </c>
      <c r="F17" s="17">
        <v>6054</v>
      </c>
      <c r="G17" s="17">
        <v>9196</v>
      </c>
      <c r="H17" s="17">
        <v>4647</v>
      </c>
      <c r="I17" s="17">
        <v>4549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9</v>
      </c>
      <c r="E18" s="13" t="s">
        <v>11</v>
      </c>
      <c r="F18" s="17">
        <v>6004</v>
      </c>
      <c r="G18" s="17">
        <v>9139</v>
      </c>
      <c r="H18" s="17">
        <v>4610</v>
      </c>
      <c r="I18" s="17">
        <v>4529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8</v>
      </c>
      <c r="E19" s="13" t="s">
        <v>11</v>
      </c>
      <c r="F19" s="17">
        <v>5957</v>
      </c>
      <c r="G19" s="17">
        <v>9082</v>
      </c>
      <c r="H19" s="17">
        <v>4582</v>
      </c>
      <c r="I19" s="17">
        <v>4500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7</v>
      </c>
      <c r="E20" s="13" t="s">
        <v>11</v>
      </c>
      <c r="F20" s="17">
        <v>5915</v>
      </c>
      <c r="G20" s="17">
        <v>9024</v>
      </c>
      <c r="H20" s="17">
        <v>4536</v>
      </c>
      <c r="I20" s="17">
        <v>4488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6</v>
      </c>
      <c r="E21" s="13" t="s">
        <v>11</v>
      </c>
      <c r="F21" s="17">
        <v>5759</v>
      </c>
      <c r="G21" s="17">
        <v>8848</v>
      </c>
      <c r="H21" s="17">
        <v>4401</v>
      </c>
      <c r="I21" s="17">
        <v>4447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5</v>
      </c>
      <c r="E22" s="13" t="s">
        <v>11</v>
      </c>
      <c r="F22" s="17">
        <v>5735</v>
      </c>
      <c r="G22" s="17">
        <v>8829</v>
      </c>
      <c r="H22" s="17">
        <v>4403</v>
      </c>
      <c r="I22" s="17">
        <v>4426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4</v>
      </c>
      <c r="E23" s="13" t="s">
        <v>11</v>
      </c>
      <c r="F23" s="17">
        <v>5616</v>
      </c>
      <c r="G23" s="17">
        <v>8705</v>
      </c>
      <c r="H23" s="17">
        <v>4309</v>
      </c>
      <c r="I23" s="17">
        <v>4396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3</v>
      </c>
      <c r="E24" s="13" t="s">
        <v>11</v>
      </c>
      <c r="F24" s="17">
        <v>5519</v>
      </c>
      <c r="G24" s="17">
        <v>8612</v>
      </c>
      <c r="H24" s="17">
        <v>4268</v>
      </c>
      <c r="I24" s="17">
        <v>4344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2</v>
      </c>
      <c r="E25" s="13" t="s">
        <v>11</v>
      </c>
      <c r="F25" s="17">
        <v>5472</v>
      </c>
      <c r="G25" s="17">
        <v>8561</v>
      </c>
      <c r="H25" s="17">
        <v>4233</v>
      </c>
      <c r="I25" s="17">
        <v>4328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1</v>
      </c>
      <c r="E26" s="13" t="s">
        <v>11</v>
      </c>
      <c r="F26" s="17">
        <v>5401</v>
      </c>
      <c r="G26" s="17">
        <v>8483</v>
      </c>
      <c r="H26" s="17">
        <v>4217</v>
      </c>
      <c r="I26" s="17">
        <v>4266</v>
      </c>
    </row>
    <row r="27" spans="1:9" ht="23.1" customHeight="1" x14ac:dyDescent="0.15">
      <c r="A27" s="4" t="s">
        <v>8</v>
      </c>
      <c r="B27" s="9">
        <v>5</v>
      </c>
      <c r="C27" s="8" t="s">
        <v>3</v>
      </c>
      <c r="D27" s="11">
        <v>12</v>
      </c>
      <c r="E27" s="13" t="s">
        <v>11</v>
      </c>
      <c r="F27" s="17">
        <v>5375</v>
      </c>
      <c r="G27" s="17">
        <v>8444</v>
      </c>
      <c r="H27" s="17">
        <v>4185</v>
      </c>
      <c r="I27" s="17">
        <v>4259</v>
      </c>
    </row>
    <row r="28" spans="1:9" ht="23.1" customHeight="1" x14ac:dyDescent="0.15">
      <c r="A28" s="4" t="s">
        <v>8</v>
      </c>
      <c r="B28" s="9">
        <v>5</v>
      </c>
      <c r="C28" s="8" t="s">
        <v>3</v>
      </c>
      <c r="D28" s="11">
        <v>11</v>
      </c>
      <c r="E28" s="13" t="s">
        <v>11</v>
      </c>
      <c r="F28" s="17">
        <v>5431</v>
      </c>
      <c r="G28" s="17">
        <v>8491</v>
      </c>
      <c r="H28" s="17">
        <v>4199</v>
      </c>
      <c r="I28" s="17">
        <v>4292</v>
      </c>
    </row>
    <row r="29" spans="1:9" ht="23.1" customHeight="1" x14ac:dyDescent="0.15">
      <c r="A29" s="4" t="s">
        <v>8</v>
      </c>
      <c r="B29" s="9">
        <v>5</v>
      </c>
      <c r="C29" s="8" t="s">
        <v>3</v>
      </c>
      <c r="D29" s="11">
        <v>10</v>
      </c>
      <c r="E29" s="13" t="s">
        <v>11</v>
      </c>
      <c r="F29" s="17">
        <v>5221</v>
      </c>
      <c r="G29" s="17">
        <v>8259</v>
      </c>
      <c r="H29" s="17">
        <v>4089</v>
      </c>
      <c r="I29" s="17">
        <v>4170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9</v>
      </c>
      <c r="E30" s="13" t="s">
        <v>11</v>
      </c>
      <c r="F30" s="17">
        <v>5147</v>
      </c>
      <c r="G30" s="17">
        <v>8180</v>
      </c>
      <c r="H30" s="17">
        <v>4059</v>
      </c>
      <c r="I30" s="17">
        <v>4121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8</v>
      </c>
      <c r="E31" s="13" t="s">
        <v>11</v>
      </c>
      <c r="F31" s="17">
        <v>5045</v>
      </c>
      <c r="G31" s="17">
        <v>8067</v>
      </c>
      <c r="H31" s="17">
        <v>3982</v>
      </c>
      <c r="I31" s="17">
        <v>4085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7</v>
      </c>
      <c r="E32" s="13" t="s">
        <v>11</v>
      </c>
      <c r="F32" s="17">
        <v>4998</v>
      </c>
      <c r="G32" s="17">
        <v>7990</v>
      </c>
      <c r="H32" s="17">
        <v>3956</v>
      </c>
      <c r="I32" s="17">
        <v>4034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6</v>
      </c>
      <c r="E33" s="13" t="s">
        <v>11</v>
      </c>
      <c r="F33" s="17">
        <v>4902</v>
      </c>
      <c r="G33" s="17">
        <v>7874</v>
      </c>
      <c r="H33" s="17">
        <v>3876</v>
      </c>
      <c r="I33" s="17">
        <v>3998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5</v>
      </c>
      <c r="E34" s="13" t="s">
        <v>11</v>
      </c>
      <c r="F34" s="17">
        <v>4882</v>
      </c>
      <c r="G34" s="17">
        <v>7845</v>
      </c>
      <c r="H34" s="17">
        <v>3858</v>
      </c>
      <c r="I34" s="17">
        <v>3987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4</v>
      </c>
      <c r="E35" s="13" t="s">
        <v>11</v>
      </c>
      <c r="F35" s="17">
        <v>4832</v>
      </c>
      <c r="G35" s="17">
        <v>7781</v>
      </c>
      <c r="H35" s="17">
        <v>3821</v>
      </c>
      <c r="I35" s="17">
        <v>3960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3</v>
      </c>
      <c r="E36" s="13" t="s">
        <v>11</v>
      </c>
      <c r="F36" s="17">
        <v>4713</v>
      </c>
      <c r="G36" s="17">
        <v>7647</v>
      </c>
      <c r="H36" s="17">
        <v>3761</v>
      </c>
      <c r="I36" s="17">
        <v>3886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2</v>
      </c>
      <c r="E37" s="13" t="s">
        <v>11</v>
      </c>
      <c r="F37" s="17">
        <v>4683</v>
      </c>
      <c r="G37" s="17">
        <v>7611</v>
      </c>
      <c r="H37" s="17">
        <v>3739</v>
      </c>
      <c r="I37" s="17">
        <v>3872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1</v>
      </c>
      <c r="E38" s="13" t="s">
        <v>11</v>
      </c>
      <c r="F38" s="17">
        <v>4654</v>
      </c>
      <c r="G38" s="17">
        <v>7561</v>
      </c>
      <c r="H38" s="17">
        <v>3686</v>
      </c>
      <c r="I38" s="17">
        <v>3875</v>
      </c>
    </row>
    <row r="39" spans="1:9" ht="23.1" customHeight="1" x14ac:dyDescent="0.15">
      <c r="A39" s="4" t="s">
        <v>8</v>
      </c>
      <c r="B39" s="9">
        <v>4</v>
      </c>
      <c r="C39" s="8" t="s">
        <v>3</v>
      </c>
      <c r="D39" s="11">
        <v>12</v>
      </c>
      <c r="E39" s="13" t="s">
        <v>11</v>
      </c>
      <c r="F39" s="17">
        <v>4674</v>
      </c>
      <c r="G39" s="17">
        <v>7570</v>
      </c>
      <c r="H39" s="17">
        <v>3717</v>
      </c>
      <c r="I39" s="17">
        <v>3853</v>
      </c>
    </row>
    <row r="40" spans="1:9" ht="23.1" customHeight="1" x14ac:dyDescent="0.15">
      <c r="A40" s="4" t="s">
        <v>8</v>
      </c>
      <c r="B40" s="9">
        <v>4</v>
      </c>
      <c r="C40" s="8" t="s">
        <v>3</v>
      </c>
      <c r="D40" s="11">
        <v>11</v>
      </c>
      <c r="E40" s="13" t="s">
        <v>11</v>
      </c>
      <c r="F40" s="17">
        <v>4709</v>
      </c>
      <c r="G40" s="17">
        <v>7602</v>
      </c>
      <c r="H40" s="17">
        <v>3744</v>
      </c>
      <c r="I40" s="17">
        <v>3858</v>
      </c>
    </row>
    <row r="41" spans="1:9" ht="23.1" customHeight="1" x14ac:dyDescent="0.15">
      <c r="A41" s="4" t="s">
        <v>8</v>
      </c>
      <c r="B41" s="9">
        <v>4</v>
      </c>
      <c r="C41" s="8" t="s">
        <v>3</v>
      </c>
      <c r="D41" s="11">
        <v>10</v>
      </c>
      <c r="E41" s="13" t="s">
        <v>11</v>
      </c>
      <c r="F41" s="17">
        <v>4676</v>
      </c>
      <c r="G41" s="17">
        <v>7562</v>
      </c>
      <c r="H41" s="17">
        <v>3735</v>
      </c>
      <c r="I41" s="17">
        <v>3827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9</v>
      </c>
      <c r="E42" s="13" t="s">
        <v>11</v>
      </c>
      <c r="F42" s="17">
        <v>4639</v>
      </c>
      <c r="G42" s="17">
        <v>7506</v>
      </c>
      <c r="H42" s="17">
        <v>3719</v>
      </c>
      <c r="I42" s="17">
        <v>3787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8</v>
      </c>
      <c r="E43" s="13" t="s">
        <v>11</v>
      </c>
      <c r="F43" s="17">
        <v>4573</v>
      </c>
      <c r="G43" s="17">
        <v>7437</v>
      </c>
      <c r="H43" s="17">
        <v>3682</v>
      </c>
      <c r="I43" s="17">
        <v>3755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7</v>
      </c>
      <c r="E44" s="13" t="s">
        <v>11</v>
      </c>
      <c r="F44" s="17">
        <v>4625</v>
      </c>
      <c r="G44" s="17">
        <v>7467</v>
      </c>
      <c r="H44" s="17">
        <v>3684</v>
      </c>
      <c r="I44" s="17">
        <v>3783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6</v>
      </c>
      <c r="E45" s="13" t="s">
        <v>11</v>
      </c>
      <c r="F45" s="17">
        <v>4628</v>
      </c>
      <c r="G45" s="17">
        <v>7471</v>
      </c>
      <c r="H45" s="17">
        <v>3715</v>
      </c>
      <c r="I45" s="17">
        <v>3756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5</v>
      </c>
      <c r="E46" s="13" t="s">
        <v>11</v>
      </c>
      <c r="F46" s="17">
        <v>4483</v>
      </c>
      <c r="G46" s="17">
        <v>7305</v>
      </c>
      <c r="H46" s="17">
        <v>3587</v>
      </c>
      <c r="I46" s="17">
        <v>3718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4</v>
      </c>
      <c r="E47" s="13" t="s">
        <v>11</v>
      </c>
      <c r="F47" s="17">
        <v>4248</v>
      </c>
      <c r="G47" s="17">
        <v>7074</v>
      </c>
      <c r="H47" s="17">
        <v>3434</v>
      </c>
      <c r="I47" s="17">
        <v>3640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3</v>
      </c>
      <c r="E48" s="13" t="s">
        <v>11</v>
      </c>
      <c r="F48" s="17">
        <v>4041</v>
      </c>
      <c r="G48" s="17">
        <v>6866</v>
      </c>
      <c r="H48" s="17">
        <v>3266</v>
      </c>
      <c r="I48" s="17">
        <v>3600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2</v>
      </c>
      <c r="E49" s="13" t="s">
        <v>11</v>
      </c>
      <c r="F49" s="17">
        <v>3983</v>
      </c>
      <c r="G49" s="17">
        <v>6781</v>
      </c>
      <c r="H49" s="17">
        <v>3215</v>
      </c>
      <c r="I49" s="17">
        <v>3566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1</v>
      </c>
      <c r="E50" s="13" t="s">
        <v>11</v>
      </c>
      <c r="F50" s="17">
        <v>4010</v>
      </c>
      <c r="G50" s="17">
        <v>6800</v>
      </c>
      <c r="H50" s="17">
        <v>3237</v>
      </c>
      <c r="I50" s="17">
        <v>3563</v>
      </c>
    </row>
    <row r="51" spans="1:9" ht="23.1" customHeight="1" x14ac:dyDescent="0.15">
      <c r="A51" s="4" t="s">
        <v>8</v>
      </c>
      <c r="B51" s="9">
        <v>3</v>
      </c>
      <c r="C51" s="8" t="s">
        <v>3</v>
      </c>
      <c r="D51" s="11">
        <v>12</v>
      </c>
      <c r="E51" s="13" t="s">
        <v>11</v>
      </c>
      <c r="F51" s="17">
        <v>4081</v>
      </c>
      <c r="G51" s="17">
        <v>6864</v>
      </c>
      <c r="H51" s="17">
        <v>3285</v>
      </c>
      <c r="I51" s="17">
        <v>3579</v>
      </c>
    </row>
    <row r="52" spans="1:9" ht="23.1" customHeight="1" x14ac:dyDescent="0.15">
      <c r="A52" s="5" t="s">
        <v>8</v>
      </c>
      <c r="B52" s="9">
        <v>3</v>
      </c>
      <c r="C52" s="9" t="s">
        <v>3</v>
      </c>
      <c r="D52" s="11">
        <v>11</v>
      </c>
      <c r="E52" s="14" t="s">
        <v>6</v>
      </c>
      <c r="F52" s="17">
        <v>4124</v>
      </c>
      <c r="G52" s="17">
        <v>6893</v>
      </c>
      <c r="H52" s="17">
        <v>3324</v>
      </c>
      <c r="I52" s="17">
        <v>3569</v>
      </c>
    </row>
    <row r="53" spans="1:9" ht="23.1" customHeight="1" x14ac:dyDescent="0.15">
      <c r="A53" s="5" t="s">
        <v>8</v>
      </c>
      <c r="B53" s="9">
        <v>3</v>
      </c>
      <c r="C53" s="9" t="s">
        <v>3</v>
      </c>
      <c r="D53" s="11">
        <v>10</v>
      </c>
      <c r="E53" s="14" t="s">
        <v>6</v>
      </c>
      <c r="F53" s="17">
        <v>4161</v>
      </c>
      <c r="G53" s="17">
        <v>6926</v>
      </c>
      <c r="H53" s="17">
        <v>3357</v>
      </c>
      <c r="I53" s="17">
        <v>3569</v>
      </c>
    </row>
    <row r="54" spans="1:9" ht="23.1" customHeight="1" x14ac:dyDescent="0.15">
      <c r="A54" s="5" t="s">
        <v>8</v>
      </c>
      <c r="B54" s="9">
        <v>3</v>
      </c>
      <c r="C54" s="9" t="s">
        <v>3</v>
      </c>
      <c r="D54" s="11">
        <v>9</v>
      </c>
      <c r="E54" s="14" t="s">
        <v>6</v>
      </c>
      <c r="F54" s="17">
        <v>4225</v>
      </c>
      <c r="G54" s="17">
        <v>6982</v>
      </c>
      <c r="H54" s="17">
        <v>3392</v>
      </c>
      <c r="I54" s="17">
        <v>3590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8</v>
      </c>
      <c r="E55" s="14" t="s">
        <v>6</v>
      </c>
      <c r="F55" s="17">
        <v>4261</v>
      </c>
      <c r="G55" s="17">
        <v>7009</v>
      </c>
      <c r="H55" s="17">
        <v>3413</v>
      </c>
      <c r="I55" s="17">
        <v>3596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7</v>
      </c>
      <c r="E56" s="14" t="s">
        <v>6</v>
      </c>
      <c r="F56" s="17">
        <v>4329</v>
      </c>
      <c r="G56" s="17">
        <v>7072</v>
      </c>
      <c r="H56" s="17">
        <v>3443</v>
      </c>
      <c r="I56" s="17">
        <v>3629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6</v>
      </c>
      <c r="E57" s="14" t="s">
        <v>6</v>
      </c>
      <c r="F57" s="17">
        <v>4399</v>
      </c>
      <c r="G57" s="17">
        <v>7152</v>
      </c>
      <c r="H57" s="17">
        <v>3485</v>
      </c>
      <c r="I57" s="17">
        <v>3667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5</v>
      </c>
      <c r="E58" s="14" t="s">
        <v>6</v>
      </c>
      <c r="F58" s="17">
        <v>4475</v>
      </c>
      <c r="G58" s="17">
        <v>7223</v>
      </c>
      <c r="H58" s="17">
        <v>3518</v>
      </c>
      <c r="I58" s="17">
        <v>3705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4</v>
      </c>
      <c r="E59" s="14" t="s">
        <v>6</v>
      </c>
      <c r="F59" s="17">
        <v>4511</v>
      </c>
      <c r="G59" s="17">
        <v>7259</v>
      </c>
      <c r="H59" s="17">
        <v>3539</v>
      </c>
      <c r="I59" s="17">
        <v>3720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3</v>
      </c>
      <c r="E60" s="14" t="s">
        <v>6</v>
      </c>
      <c r="F60" s="17">
        <v>4579</v>
      </c>
      <c r="G60" s="17">
        <v>7338</v>
      </c>
      <c r="H60" s="17">
        <v>3574</v>
      </c>
      <c r="I60" s="17">
        <v>3764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2</v>
      </c>
      <c r="E61" s="14" t="s">
        <v>6</v>
      </c>
      <c r="F61" s="17">
        <v>4656</v>
      </c>
      <c r="G61" s="17">
        <v>7424</v>
      </c>
      <c r="H61" s="17">
        <v>3611</v>
      </c>
      <c r="I61" s="17">
        <v>3813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1</v>
      </c>
      <c r="E62" s="14" t="s">
        <v>6</v>
      </c>
      <c r="F62" s="17">
        <v>4805</v>
      </c>
      <c r="G62" s="17">
        <v>7623</v>
      </c>
      <c r="H62" s="17">
        <v>3732</v>
      </c>
      <c r="I62" s="17">
        <v>3891</v>
      </c>
    </row>
    <row r="63" spans="1:9" ht="23.1" customHeight="1" x14ac:dyDescent="0.15">
      <c r="A63" s="5" t="s">
        <v>8</v>
      </c>
      <c r="B63" s="9">
        <v>2</v>
      </c>
      <c r="C63" s="9" t="s">
        <v>3</v>
      </c>
      <c r="D63" s="11">
        <v>12</v>
      </c>
      <c r="E63" s="14" t="s">
        <v>6</v>
      </c>
      <c r="F63" s="17">
        <v>4676</v>
      </c>
      <c r="G63" s="17">
        <v>7494</v>
      </c>
      <c r="H63" s="17">
        <v>3658</v>
      </c>
      <c r="I63" s="17">
        <v>3836</v>
      </c>
    </row>
    <row r="64" spans="1:9" ht="23.1" customHeight="1" x14ac:dyDescent="0.15">
      <c r="A64" s="5" t="s">
        <v>8</v>
      </c>
      <c r="B64" s="9">
        <v>2</v>
      </c>
      <c r="C64" s="9" t="s">
        <v>3</v>
      </c>
      <c r="D64" s="11">
        <v>11</v>
      </c>
      <c r="E64" s="14" t="s">
        <v>6</v>
      </c>
      <c r="F64" s="17">
        <v>4593</v>
      </c>
      <c r="G64" s="17">
        <v>7401</v>
      </c>
      <c r="H64" s="17">
        <v>3576</v>
      </c>
      <c r="I64" s="17">
        <v>3825</v>
      </c>
    </row>
    <row r="65" spans="1:14" ht="23.1" customHeight="1" x14ac:dyDescent="0.15">
      <c r="A65" s="5" t="s">
        <v>8</v>
      </c>
      <c r="B65" s="9">
        <v>2</v>
      </c>
      <c r="C65" s="9" t="s">
        <v>3</v>
      </c>
      <c r="D65" s="11">
        <v>10</v>
      </c>
      <c r="E65" s="14" t="s">
        <v>6</v>
      </c>
      <c r="F65" s="17">
        <v>4575</v>
      </c>
      <c r="G65" s="17">
        <v>7376</v>
      </c>
      <c r="H65" s="17">
        <v>3571</v>
      </c>
      <c r="I65" s="17">
        <v>3805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9</v>
      </c>
      <c r="E66" s="14" t="s">
        <v>6</v>
      </c>
      <c r="F66" s="17">
        <v>4591</v>
      </c>
      <c r="G66" s="17">
        <v>7393</v>
      </c>
      <c r="H66" s="17">
        <v>3587</v>
      </c>
      <c r="I66" s="17">
        <v>3806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8</v>
      </c>
      <c r="E67" s="14" t="s">
        <v>6</v>
      </c>
      <c r="F67" s="17">
        <v>4639</v>
      </c>
      <c r="G67" s="17">
        <v>7440</v>
      </c>
      <c r="H67" s="17">
        <v>3602</v>
      </c>
      <c r="I67" s="17">
        <v>3838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7</v>
      </c>
      <c r="E68" s="14" t="s">
        <v>6</v>
      </c>
      <c r="F68" s="17">
        <v>4682</v>
      </c>
      <c r="G68" s="17">
        <v>7496</v>
      </c>
      <c r="H68" s="17">
        <v>3627</v>
      </c>
      <c r="I68" s="17">
        <v>3869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6</v>
      </c>
      <c r="E69" s="14" t="s">
        <v>6</v>
      </c>
      <c r="F69" s="17">
        <v>4734</v>
      </c>
      <c r="G69" s="17">
        <v>7559</v>
      </c>
      <c r="H69" s="17">
        <v>3664</v>
      </c>
      <c r="I69" s="17">
        <v>3895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5</v>
      </c>
      <c r="E70" s="14" t="s">
        <v>6</v>
      </c>
      <c r="F70" s="17">
        <v>4760</v>
      </c>
      <c r="G70" s="17">
        <v>7590</v>
      </c>
      <c r="H70" s="17">
        <v>3692</v>
      </c>
      <c r="I70" s="17">
        <v>3898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4</v>
      </c>
      <c r="E71" s="14" t="s">
        <v>6</v>
      </c>
      <c r="F71" s="17">
        <v>4812</v>
      </c>
      <c r="G71" s="17">
        <v>7649</v>
      </c>
      <c r="H71" s="17">
        <v>3728</v>
      </c>
      <c r="I71" s="17">
        <v>3921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3</v>
      </c>
      <c r="E72" s="14" t="s">
        <v>6</v>
      </c>
      <c r="F72" s="17">
        <v>4846</v>
      </c>
      <c r="G72" s="17">
        <v>7707</v>
      </c>
      <c r="H72" s="17">
        <v>3760</v>
      </c>
      <c r="I72" s="17">
        <v>3947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2</v>
      </c>
      <c r="E73" s="14" t="s">
        <v>6</v>
      </c>
      <c r="F73" s="17">
        <v>4919</v>
      </c>
      <c r="G73" s="17">
        <v>7799</v>
      </c>
      <c r="H73" s="17">
        <v>3798</v>
      </c>
      <c r="I73" s="17">
        <v>4001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1</v>
      </c>
      <c r="E74" s="14" t="s">
        <v>6</v>
      </c>
      <c r="F74" s="17">
        <v>4876</v>
      </c>
      <c r="G74" s="17">
        <v>7758</v>
      </c>
      <c r="H74" s="17">
        <v>3749</v>
      </c>
      <c r="I74" s="17">
        <v>4009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 t="s">
        <v>10</v>
      </c>
      <c r="C75" s="9" t="s">
        <v>3</v>
      </c>
      <c r="D75" s="11">
        <v>12</v>
      </c>
      <c r="E75" s="14" t="s">
        <v>6</v>
      </c>
      <c r="F75" s="17">
        <v>4856</v>
      </c>
      <c r="G75" s="17">
        <v>7759</v>
      </c>
      <c r="H75" s="17">
        <v>3771</v>
      </c>
      <c r="I75" s="17">
        <v>3988</v>
      </c>
    </row>
    <row r="76" spans="1:14" ht="23.1" customHeight="1" x14ac:dyDescent="0.15">
      <c r="A76" s="5" t="s">
        <v>8</v>
      </c>
      <c r="B76" s="9" t="s">
        <v>10</v>
      </c>
      <c r="C76" s="9" t="s">
        <v>3</v>
      </c>
      <c r="D76" s="11">
        <v>11</v>
      </c>
      <c r="E76" s="14" t="s">
        <v>6</v>
      </c>
      <c r="F76" s="17">
        <v>4932</v>
      </c>
      <c r="G76" s="17">
        <v>7845</v>
      </c>
      <c r="H76" s="17">
        <v>3788</v>
      </c>
      <c r="I76" s="17">
        <v>4057</v>
      </c>
    </row>
    <row r="77" spans="1:14" ht="23.1" customHeight="1" x14ac:dyDescent="0.15">
      <c r="A77" s="5" t="s">
        <v>8</v>
      </c>
      <c r="B77" s="9" t="s">
        <v>10</v>
      </c>
      <c r="C77" s="9" t="s">
        <v>3</v>
      </c>
      <c r="D77" s="11">
        <v>10</v>
      </c>
      <c r="E77" s="14" t="s">
        <v>6</v>
      </c>
      <c r="F77" s="17">
        <v>4896</v>
      </c>
      <c r="G77" s="17">
        <v>7827</v>
      </c>
      <c r="H77" s="17">
        <v>3779</v>
      </c>
      <c r="I77" s="17">
        <v>4048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9</v>
      </c>
      <c r="E78" s="14" t="s">
        <v>6</v>
      </c>
      <c r="F78" s="17">
        <v>4911</v>
      </c>
      <c r="G78" s="17">
        <v>7856</v>
      </c>
      <c r="H78" s="17">
        <v>3772</v>
      </c>
      <c r="I78" s="17">
        <v>4084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8</v>
      </c>
      <c r="E79" s="14" t="s">
        <v>6</v>
      </c>
      <c r="F79" s="17">
        <v>4907</v>
      </c>
      <c r="G79" s="17">
        <v>7844</v>
      </c>
      <c r="H79" s="17">
        <v>3803</v>
      </c>
      <c r="I79" s="17">
        <v>4041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7</v>
      </c>
      <c r="E80" s="14" t="s">
        <v>6</v>
      </c>
      <c r="F80" s="17">
        <v>4980</v>
      </c>
      <c r="G80" s="17">
        <v>7919</v>
      </c>
      <c r="H80" s="17">
        <v>3811</v>
      </c>
      <c r="I80" s="17">
        <v>4108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6</v>
      </c>
      <c r="E81" s="14" t="s">
        <v>6</v>
      </c>
      <c r="F81" s="17">
        <v>4863</v>
      </c>
      <c r="G81" s="17">
        <v>7729</v>
      </c>
      <c r="H81" s="17">
        <v>3706</v>
      </c>
      <c r="I81" s="17">
        <v>4023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5</v>
      </c>
      <c r="E82" s="14" t="s">
        <v>6</v>
      </c>
      <c r="F82" s="17">
        <v>4767</v>
      </c>
      <c r="G82" s="17">
        <v>7576</v>
      </c>
      <c r="H82" s="17">
        <v>3628</v>
      </c>
      <c r="I82" s="17">
        <v>3948</v>
      </c>
    </row>
    <row r="83" spans="1:9" ht="23.1" customHeight="1" x14ac:dyDescent="0.15">
      <c r="A83" s="5" t="s">
        <v>4</v>
      </c>
      <c r="B83" s="9">
        <v>31</v>
      </c>
      <c r="C83" s="9" t="s">
        <v>3</v>
      </c>
      <c r="D83" s="11">
        <v>4</v>
      </c>
      <c r="E83" s="14" t="s">
        <v>6</v>
      </c>
      <c r="F83" s="17">
        <v>4632</v>
      </c>
      <c r="G83" s="17">
        <v>7415</v>
      </c>
      <c r="H83" s="17">
        <v>3568</v>
      </c>
      <c r="I83" s="17">
        <v>3847</v>
      </c>
    </row>
    <row r="84" spans="1:9" ht="23.1" customHeight="1" x14ac:dyDescent="0.15">
      <c r="A84" s="5" t="s">
        <v>4</v>
      </c>
      <c r="B84" s="9">
        <v>31</v>
      </c>
      <c r="C84" s="9" t="s">
        <v>3</v>
      </c>
      <c r="D84" s="11">
        <v>3</v>
      </c>
      <c r="E84" s="14" t="s">
        <v>6</v>
      </c>
      <c r="F84" s="17">
        <v>4636</v>
      </c>
      <c r="G84" s="17">
        <v>7434</v>
      </c>
      <c r="H84" s="17">
        <v>3596</v>
      </c>
      <c r="I84" s="17">
        <v>3838</v>
      </c>
    </row>
    <row r="85" spans="1:9" ht="23.1" customHeight="1" x14ac:dyDescent="0.15">
      <c r="A85" s="5" t="s">
        <v>4</v>
      </c>
      <c r="B85" s="9">
        <v>31</v>
      </c>
      <c r="C85" s="9" t="s">
        <v>3</v>
      </c>
      <c r="D85" s="11">
        <v>2</v>
      </c>
      <c r="E85" s="14" t="s">
        <v>6</v>
      </c>
      <c r="F85" s="17">
        <v>4731</v>
      </c>
      <c r="G85" s="17">
        <v>7528</v>
      </c>
      <c r="H85" s="17">
        <v>3706</v>
      </c>
      <c r="I85" s="17">
        <v>3822</v>
      </c>
    </row>
    <row r="86" spans="1:9" ht="23.1" customHeight="1" x14ac:dyDescent="0.15">
      <c r="A86" s="5" t="s">
        <v>4</v>
      </c>
      <c r="B86" s="9">
        <v>31</v>
      </c>
      <c r="C86" s="9" t="s">
        <v>3</v>
      </c>
      <c r="D86" s="11">
        <v>1</v>
      </c>
      <c r="E86" s="14" t="s">
        <v>6</v>
      </c>
      <c r="F86" s="17">
        <v>4800</v>
      </c>
      <c r="G86" s="17">
        <v>7616</v>
      </c>
      <c r="H86" s="17">
        <v>3778</v>
      </c>
      <c r="I86" s="17">
        <v>3838</v>
      </c>
    </row>
    <row r="87" spans="1:9" ht="23.1" customHeight="1" x14ac:dyDescent="0.15">
      <c r="A87" s="5" t="s">
        <v>4</v>
      </c>
      <c r="B87" s="9">
        <v>30</v>
      </c>
      <c r="C87" s="9" t="s">
        <v>3</v>
      </c>
      <c r="D87" s="11">
        <v>12</v>
      </c>
      <c r="E87" s="14" t="s">
        <v>6</v>
      </c>
      <c r="F87" s="17">
        <v>4809</v>
      </c>
      <c r="G87" s="17">
        <v>7644</v>
      </c>
      <c r="H87" s="17">
        <v>3811</v>
      </c>
      <c r="I87" s="17">
        <v>3833</v>
      </c>
    </row>
    <row r="88" spans="1:9" ht="23.1" customHeight="1" x14ac:dyDescent="0.15">
      <c r="A88" s="5" t="s">
        <v>4</v>
      </c>
      <c r="B88" s="9">
        <v>30</v>
      </c>
      <c r="C88" s="9" t="s">
        <v>3</v>
      </c>
      <c r="D88" s="11">
        <v>11</v>
      </c>
      <c r="E88" s="14" t="s">
        <v>6</v>
      </c>
      <c r="F88" s="17">
        <v>4904</v>
      </c>
      <c r="G88" s="17">
        <v>7733</v>
      </c>
      <c r="H88" s="17">
        <v>3861</v>
      </c>
      <c r="I88" s="17">
        <v>3872</v>
      </c>
    </row>
    <row r="89" spans="1:9" ht="23.1" customHeight="1" x14ac:dyDescent="0.15">
      <c r="A89" s="5" t="s">
        <v>4</v>
      </c>
      <c r="B89" s="9">
        <v>30</v>
      </c>
      <c r="C89" s="9" t="s">
        <v>3</v>
      </c>
      <c r="D89" s="11">
        <v>10</v>
      </c>
      <c r="E89" s="14" t="s">
        <v>6</v>
      </c>
      <c r="F89" s="17">
        <v>4786</v>
      </c>
      <c r="G89" s="17">
        <v>7631</v>
      </c>
      <c r="H89" s="17">
        <v>3776</v>
      </c>
      <c r="I89" s="17">
        <v>3855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9</v>
      </c>
      <c r="E90" s="14" t="s">
        <v>6</v>
      </c>
      <c r="F90" s="17">
        <v>4809</v>
      </c>
      <c r="G90" s="17">
        <v>7652</v>
      </c>
      <c r="H90" s="17">
        <v>3780</v>
      </c>
      <c r="I90" s="17">
        <v>3872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8</v>
      </c>
      <c r="E91" s="14" t="s">
        <v>6</v>
      </c>
      <c r="F91" s="17">
        <v>4686</v>
      </c>
      <c r="G91" s="17">
        <v>7534</v>
      </c>
      <c r="H91" s="17">
        <v>3777</v>
      </c>
      <c r="I91" s="17">
        <v>3757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7</v>
      </c>
      <c r="E92" s="14" t="s">
        <v>6</v>
      </c>
      <c r="F92" s="17">
        <v>4525</v>
      </c>
      <c r="G92" s="17">
        <v>7352</v>
      </c>
      <c r="H92" s="17">
        <v>3663</v>
      </c>
      <c r="I92" s="17">
        <v>3689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6</v>
      </c>
      <c r="E93" s="14" t="s">
        <v>6</v>
      </c>
      <c r="F93" s="17">
        <v>4407</v>
      </c>
      <c r="G93" s="17">
        <v>7226</v>
      </c>
      <c r="H93" s="17">
        <v>3559</v>
      </c>
      <c r="I93" s="17">
        <v>3667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5</v>
      </c>
      <c r="E94" s="14" t="s">
        <v>6</v>
      </c>
      <c r="F94" s="17">
        <v>4352</v>
      </c>
      <c r="G94" s="17">
        <v>7159</v>
      </c>
      <c r="H94" s="17">
        <v>3516</v>
      </c>
      <c r="I94" s="17">
        <v>3643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4</v>
      </c>
      <c r="E95" s="14" t="s">
        <v>6</v>
      </c>
      <c r="F95" s="17">
        <v>4338</v>
      </c>
      <c r="G95" s="17">
        <v>7130</v>
      </c>
      <c r="H95" s="17">
        <v>3492</v>
      </c>
      <c r="I95" s="17">
        <v>3638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3</v>
      </c>
      <c r="E96" s="14" t="s">
        <v>6</v>
      </c>
      <c r="F96" s="17">
        <v>4242</v>
      </c>
      <c r="G96" s="17">
        <v>7029</v>
      </c>
      <c r="H96" s="17">
        <v>3428</v>
      </c>
      <c r="I96" s="17">
        <v>3601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2</v>
      </c>
      <c r="E97" s="14" t="s">
        <v>6</v>
      </c>
      <c r="F97" s="17">
        <v>4307</v>
      </c>
      <c r="G97" s="17">
        <v>7073</v>
      </c>
      <c r="H97" s="17">
        <v>3443</v>
      </c>
      <c r="I97" s="17">
        <v>3630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1</v>
      </c>
      <c r="E98" s="14" t="s">
        <v>6</v>
      </c>
      <c r="F98" s="17">
        <v>4263</v>
      </c>
      <c r="G98" s="17">
        <v>7026</v>
      </c>
      <c r="H98" s="17">
        <v>3404</v>
      </c>
      <c r="I98" s="17">
        <v>3622</v>
      </c>
    </row>
    <row r="99" spans="1:9" ht="23.1" customHeight="1" x14ac:dyDescent="0.15">
      <c r="A99" s="5" t="s">
        <v>4</v>
      </c>
      <c r="B99" s="9">
        <v>29</v>
      </c>
      <c r="C99" s="9" t="s">
        <v>3</v>
      </c>
      <c r="D99" s="11">
        <v>12</v>
      </c>
      <c r="E99" s="14" t="s">
        <v>6</v>
      </c>
      <c r="F99" s="17">
        <v>4106</v>
      </c>
      <c r="G99" s="17">
        <v>6835</v>
      </c>
      <c r="H99" s="17">
        <v>3277</v>
      </c>
      <c r="I99" s="17">
        <v>3558</v>
      </c>
    </row>
    <row r="100" spans="1:9" ht="23.1" customHeight="1" x14ac:dyDescent="0.15">
      <c r="A100" s="5" t="s">
        <v>4</v>
      </c>
      <c r="B100" s="9">
        <v>29</v>
      </c>
      <c r="C100" s="9" t="s">
        <v>3</v>
      </c>
      <c r="D100" s="11">
        <v>11</v>
      </c>
      <c r="E100" s="14" t="s">
        <v>6</v>
      </c>
      <c r="F100" s="17">
        <v>3953</v>
      </c>
      <c r="G100" s="17">
        <v>6663</v>
      </c>
      <c r="H100" s="17">
        <v>3115</v>
      </c>
      <c r="I100" s="17">
        <v>3548</v>
      </c>
    </row>
    <row r="101" spans="1:9" ht="23.1" customHeight="1" x14ac:dyDescent="0.15">
      <c r="A101" s="5" t="s">
        <v>4</v>
      </c>
      <c r="B101" s="9">
        <v>29</v>
      </c>
      <c r="C101" s="9" t="s">
        <v>3</v>
      </c>
      <c r="D101" s="11">
        <v>10</v>
      </c>
      <c r="E101" s="14" t="s">
        <v>6</v>
      </c>
      <c r="F101" s="17">
        <v>3787</v>
      </c>
      <c r="G101" s="17">
        <v>6462</v>
      </c>
      <c r="H101" s="17">
        <v>2979</v>
      </c>
      <c r="I101" s="17">
        <v>3483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9</v>
      </c>
      <c r="E102" s="14" t="s">
        <v>6</v>
      </c>
      <c r="F102" s="17">
        <v>3694</v>
      </c>
      <c r="G102" s="17">
        <v>6341</v>
      </c>
      <c r="H102" s="17">
        <v>2901</v>
      </c>
      <c r="I102" s="17">
        <v>3440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8</v>
      </c>
      <c r="E103" s="14" t="s">
        <v>6</v>
      </c>
      <c r="F103" s="17">
        <v>3606</v>
      </c>
      <c r="G103" s="17">
        <v>6236</v>
      </c>
      <c r="H103" s="17">
        <v>2840</v>
      </c>
      <c r="I103" s="17">
        <v>3396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7</v>
      </c>
      <c r="E104" s="14" t="s">
        <v>6</v>
      </c>
      <c r="F104" s="17">
        <v>3558</v>
      </c>
      <c r="G104" s="17">
        <v>6158</v>
      </c>
      <c r="H104" s="17">
        <v>2793</v>
      </c>
      <c r="I104" s="17">
        <v>3365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6</v>
      </c>
      <c r="E105" s="14" t="s">
        <v>6</v>
      </c>
      <c r="F105" s="17">
        <v>3500</v>
      </c>
      <c r="G105" s="17">
        <v>6078</v>
      </c>
      <c r="H105" s="17">
        <v>2732</v>
      </c>
      <c r="I105" s="17">
        <v>3346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5</v>
      </c>
      <c r="E106" s="14" t="s">
        <v>6</v>
      </c>
      <c r="F106" s="17">
        <v>3487</v>
      </c>
      <c r="G106" s="17">
        <v>6062</v>
      </c>
      <c r="H106" s="17">
        <v>2718</v>
      </c>
      <c r="I106" s="17">
        <v>3344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4</v>
      </c>
      <c r="E107" s="14" t="s">
        <v>6</v>
      </c>
      <c r="F107" s="17">
        <v>3470</v>
      </c>
      <c r="G107" s="17">
        <v>6044</v>
      </c>
      <c r="H107" s="17">
        <v>2716</v>
      </c>
      <c r="I107" s="17">
        <v>3328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3</v>
      </c>
      <c r="E108" s="14" t="s">
        <v>6</v>
      </c>
      <c r="F108" s="17">
        <v>3343</v>
      </c>
      <c r="G108" s="17">
        <v>5914</v>
      </c>
      <c r="H108" s="17">
        <v>2651</v>
      </c>
      <c r="I108" s="17">
        <v>3263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2</v>
      </c>
      <c r="E109" s="14" t="s">
        <v>6</v>
      </c>
      <c r="F109" s="17">
        <v>3296</v>
      </c>
      <c r="G109" s="17">
        <v>5854</v>
      </c>
      <c r="H109" s="17">
        <v>2612</v>
      </c>
      <c r="I109" s="17">
        <v>3242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1</v>
      </c>
      <c r="E110" s="14" t="s">
        <v>6</v>
      </c>
      <c r="F110" s="17">
        <v>3269</v>
      </c>
      <c r="G110" s="17">
        <v>5821</v>
      </c>
      <c r="H110" s="17">
        <v>2590</v>
      </c>
      <c r="I110" s="17">
        <v>3231</v>
      </c>
    </row>
    <row r="111" spans="1:9" ht="23.1" customHeight="1" x14ac:dyDescent="0.15">
      <c r="A111" s="5" t="s">
        <v>4</v>
      </c>
      <c r="B111" s="9">
        <v>28</v>
      </c>
      <c r="C111" s="9" t="s">
        <v>3</v>
      </c>
      <c r="D111" s="11">
        <v>12</v>
      </c>
      <c r="E111" s="14" t="s">
        <v>6</v>
      </c>
      <c r="F111" s="17">
        <v>3261</v>
      </c>
      <c r="G111" s="17">
        <v>5811</v>
      </c>
      <c r="H111" s="17">
        <v>2595</v>
      </c>
      <c r="I111" s="17">
        <v>3216</v>
      </c>
    </row>
    <row r="112" spans="1:9" ht="23.1" customHeight="1" x14ac:dyDescent="0.15">
      <c r="A112" s="5" t="s">
        <v>4</v>
      </c>
      <c r="B112" s="9">
        <v>28</v>
      </c>
      <c r="C112" s="9" t="s">
        <v>3</v>
      </c>
      <c r="D112" s="11">
        <v>11</v>
      </c>
      <c r="E112" s="14" t="s">
        <v>6</v>
      </c>
      <c r="F112" s="17">
        <v>3269</v>
      </c>
      <c r="G112" s="17">
        <v>5818</v>
      </c>
      <c r="H112" s="17">
        <v>2604</v>
      </c>
      <c r="I112" s="17">
        <v>3214</v>
      </c>
    </row>
    <row r="113" spans="1:9" ht="23.1" customHeight="1" x14ac:dyDescent="0.15">
      <c r="A113" s="5" t="s">
        <v>4</v>
      </c>
      <c r="B113" s="9">
        <v>28</v>
      </c>
      <c r="C113" s="9" t="s">
        <v>3</v>
      </c>
      <c r="D113" s="11">
        <v>10</v>
      </c>
      <c r="E113" s="14" t="s">
        <v>6</v>
      </c>
      <c r="F113" s="17">
        <v>3296</v>
      </c>
      <c r="G113" s="17">
        <v>5830</v>
      </c>
      <c r="H113" s="17">
        <v>2613</v>
      </c>
      <c r="I113" s="17">
        <v>3217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9</v>
      </c>
      <c r="E114" s="14" t="s">
        <v>6</v>
      </c>
      <c r="F114" s="17">
        <v>3220</v>
      </c>
      <c r="G114" s="17">
        <v>5746</v>
      </c>
      <c r="H114" s="17">
        <v>2577</v>
      </c>
      <c r="I114" s="17">
        <v>3169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8</v>
      </c>
      <c r="E115" s="14" t="s">
        <v>6</v>
      </c>
      <c r="F115" s="17">
        <v>3116</v>
      </c>
      <c r="G115" s="17">
        <v>5642</v>
      </c>
      <c r="H115" s="17">
        <v>2512</v>
      </c>
      <c r="I115" s="17">
        <v>3130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7</v>
      </c>
      <c r="E116" s="14" t="s">
        <v>6</v>
      </c>
      <c r="F116" s="17">
        <v>3155</v>
      </c>
      <c r="G116" s="17">
        <v>5666</v>
      </c>
      <c r="H116" s="17">
        <v>2521</v>
      </c>
      <c r="I116" s="17">
        <v>3145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6</v>
      </c>
      <c r="E117" s="14" t="s">
        <v>6</v>
      </c>
      <c r="F117" s="17">
        <v>3122</v>
      </c>
      <c r="G117" s="17">
        <v>5635</v>
      </c>
      <c r="H117" s="17">
        <v>2502</v>
      </c>
      <c r="I117" s="17">
        <v>3133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5</v>
      </c>
      <c r="E118" s="14" t="s">
        <v>6</v>
      </c>
      <c r="F118" s="17">
        <v>3113</v>
      </c>
      <c r="G118" s="17">
        <v>5612</v>
      </c>
      <c r="H118" s="17">
        <v>2506</v>
      </c>
      <c r="I118" s="17">
        <v>3106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4</v>
      </c>
      <c r="E119" s="14" t="s">
        <v>6</v>
      </c>
      <c r="F119" s="17">
        <v>3133</v>
      </c>
      <c r="G119" s="17">
        <v>5625</v>
      </c>
      <c r="H119" s="17">
        <v>2539</v>
      </c>
      <c r="I119" s="17">
        <v>3086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3</v>
      </c>
      <c r="E120" s="14" t="s">
        <v>6</v>
      </c>
      <c r="F120" s="17">
        <v>3008</v>
      </c>
      <c r="G120" s="17">
        <v>5493</v>
      </c>
      <c r="H120" s="17">
        <v>2449</v>
      </c>
      <c r="I120" s="17">
        <v>3044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2</v>
      </c>
      <c r="E121" s="14" t="s">
        <v>6</v>
      </c>
      <c r="F121" s="17">
        <v>2993</v>
      </c>
      <c r="G121" s="17">
        <v>5488</v>
      </c>
      <c r="H121" s="17">
        <v>2447</v>
      </c>
      <c r="I121" s="17">
        <v>3041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1</v>
      </c>
      <c r="E122" s="14" t="s">
        <v>6</v>
      </c>
      <c r="F122" s="17">
        <v>2990</v>
      </c>
      <c r="G122" s="17">
        <v>5474</v>
      </c>
      <c r="H122" s="17">
        <v>2413</v>
      </c>
      <c r="I122" s="17">
        <v>3061</v>
      </c>
    </row>
    <row r="123" spans="1:9" ht="23.1" customHeight="1" x14ac:dyDescent="0.15">
      <c r="A123" s="5" t="s">
        <v>4</v>
      </c>
      <c r="B123" s="9">
        <v>27</v>
      </c>
      <c r="C123" s="9" t="s">
        <v>3</v>
      </c>
      <c r="D123" s="11">
        <v>12</v>
      </c>
      <c r="E123" s="14" t="s">
        <v>6</v>
      </c>
      <c r="F123" s="17">
        <v>2954</v>
      </c>
      <c r="G123" s="17">
        <v>5426</v>
      </c>
      <c r="H123" s="17">
        <v>2400</v>
      </c>
      <c r="I123" s="17">
        <v>3026</v>
      </c>
    </row>
    <row r="124" spans="1:9" ht="23.1" customHeight="1" x14ac:dyDescent="0.15">
      <c r="A124" s="5" t="s">
        <v>4</v>
      </c>
      <c r="B124" s="9">
        <v>27</v>
      </c>
      <c r="C124" s="9" t="s">
        <v>3</v>
      </c>
      <c r="D124" s="11">
        <v>11</v>
      </c>
      <c r="E124" s="14" t="s">
        <v>6</v>
      </c>
      <c r="F124" s="17">
        <v>2982</v>
      </c>
      <c r="G124" s="17">
        <v>5429</v>
      </c>
      <c r="H124" s="17">
        <v>2414</v>
      </c>
      <c r="I124" s="17">
        <v>3015</v>
      </c>
    </row>
    <row r="125" spans="1:9" ht="23.1" customHeight="1" x14ac:dyDescent="0.15">
      <c r="A125" s="5" t="s">
        <v>4</v>
      </c>
      <c r="B125" s="9">
        <v>27</v>
      </c>
      <c r="C125" s="9" t="s">
        <v>3</v>
      </c>
      <c r="D125" s="11">
        <v>10</v>
      </c>
      <c r="E125" s="14" t="s">
        <v>6</v>
      </c>
      <c r="F125" s="17">
        <v>2989</v>
      </c>
      <c r="G125" s="17">
        <v>5424</v>
      </c>
      <c r="H125" s="17">
        <v>2429</v>
      </c>
      <c r="I125" s="17">
        <v>2995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9</v>
      </c>
      <c r="E126" s="14" t="s">
        <v>6</v>
      </c>
      <c r="F126" s="17">
        <v>2855</v>
      </c>
      <c r="G126" s="17">
        <v>5270</v>
      </c>
      <c r="H126" s="17">
        <v>2324</v>
      </c>
      <c r="I126" s="17">
        <v>2946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8</v>
      </c>
      <c r="E127" s="14" t="s">
        <v>6</v>
      </c>
      <c r="F127" s="17">
        <v>2783</v>
      </c>
      <c r="G127" s="17">
        <v>5184</v>
      </c>
      <c r="H127" s="17">
        <v>2256</v>
      </c>
      <c r="I127" s="17">
        <v>2928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7</v>
      </c>
      <c r="E128" s="14" t="s">
        <v>6</v>
      </c>
      <c r="F128" s="17">
        <v>2842</v>
      </c>
      <c r="G128" s="17">
        <v>5232</v>
      </c>
      <c r="H128" s="17">
        <v>2269</v>
      </c>
      <c r="I128" s="17">
        <v>2963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6</v>
      </c>
      <c r="E129" s="14" t="s">
        <v>6</v>
      </c>
      <c r="F129" s="17">
        <v>2806</v>
      </c>
      <c r="G129" s="17">
        <v>5195</v>
      </c>
      <c r="H129" s="17">
        <v>2244</v>
      </c>
      <c r="I129" s="17">
        <v>2951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5</v>
      </c>
      <c r="E130" s="14" t="s">
        <v>6</v>
      </c>
      <c r="F130" s="17">
        <v>2839</v>
      </c>
      <c r="G130" s="17">
        <v>5219</v>
      </c>
      <c r="H130" s="17">
        <v>2257</v>
      </c>
      <c r="I130" s="17">
        <v>2962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4</v>
      </c>
      <c r="E131" s="14" t="s">
        <v>6</v>
      </c>
      <c r="F131" s="17">
        <v>2845</v>
      </c>
      <c r="G131" s="17">
        <v>5220</v>
      </c>
      <c r="H131" s="17">
        <v>2262</v>
      </c>
      <c r="I131" s="17">
        <v>2958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3</v>
      </c>
      <c r="E132" s="14" t="s">
        <v>6</v>
      </c>
      <c r="F132" s="17">
        <v>2732</v>
      </c>
      <c r="G132" s="17">
        <v>5082</v>
      </c>
      <c r="H132" s="17">
        <v>2178</v>
      </c>
      <c r="I132" s="17">
        <v>2904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2</v>
      </c>
      <c r="E133" s="14" t="s">
        <v>6</v>
      </c>
      <c r="F133" s="17">
        <v>2757</v>
      </c>
      <c r="G133" s="17">
        <v>5106</v>
      </c>
      <c r="H133" s="17">
        <v>2182</v>
      </c>
      <c r="I133" s="17">
        <v>2924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1</v>
      </c>
      <c r="E134" s="14" t="s">
        <v>6</v>
      </c>
      <c r="F134" s="17">
        <v>2787</v>
      </c>
      <c r="G134" s="17">
        <v>5133</v>
      </c>
      <c r="H134" s="17">
        <v>2187</v>
      </c>
      <c r="I134" s="17">
        <v>2946</v>
      </c>
    </row>
    <row r="135" spans="1:9" ht="23.1" customHeight="1" x14ac:dyDescent="0.15">
      <c r="A135" s="5" t="s">
        <v>4</v>
      </c>
      <c r="B135" s="9">
        <v>26</v>
      </c>
      <c r="C135" s="9" t="s">
        <v>3</v>
      </c>
      <c r="D135" s="11">
        <v>12</v>
      </c>
      <c r="E135" s="14" t="s">
        <v>6</v>
      </c>
      <c r="F135" s="17">
        <v>2784</v>
      </c>
      <c r="G135" s="17">
        <v>5126</v>
      </c>
      <c r="H135" s="17">
        <v>2176</v>
      </c>
      <c r="I135" s="17">
        <v>2950</v>
      </c>
    </row>
    <row r="136" spans="1:9" ht="23.1" customHeight="1" x14ac:dyDescent="0.15">
      <c r="A136" s="5" t="s">
        <v>4</v>
      </c>
      <c r="B136" s="9">
        <v>26</v>
      </c>
      <c r="C136" s="9" t="s">
        <v>3</v>
      </c>
      <c r="D136" s="11">
        <v>11</v>
      </c>
      <c r="E136" s="14" t="s">
        <v>6</v>
      </c>
      <c r="F136" s="17">
        <v>2799</v>
      </c>
      <c r="G136" s="17">
        <v>5139</v>
      </c>
      <c r="H136" s="17">
        <v>2183</v>
      </c>
      <c r="I136" s="17">
        <v>2956</v>
      </c>
    </row>
    <row r="137" spans="1:9" ht="23.1" customHeight="1" x14ac:dyDescent="0.15">
      <c r="A137" s="5" t="s">
        <v>4</v>
      </c>
      <c r="B137" s="9">
        <v>26</v>
      </c>
      <c r="C137" s="9" t="s">
        <v>3</v>
      </c>
      <c r="D137" s="11">
        <v>10</v>
      </c>
      <c r="E137" s="14" t="s">
        <v>6</v>
      </c>
      <c r="F137" s="17">
        <v>2849</v>
      </c>
      <c r="G137" s="17">
        <v>5202</v>
      </c>
      <c r="H137" s="17">
        <v>2216</v>
      </c>
      <c r="I137" s="17">
        <v>2986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9</v>
      </c>
      <c r="E138" s="14" t="s">
        <v>6</v>
      </c>
      <c r="F138" s="17">
        <v>2784</v>
      </c>
      <c r="G138" s="17">
        <v>5113</v>
      </c>
      <c r="H138" s="17">
        <v>2167</v>
      </c>
      <c r="I138" s="17">
        <v>2946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8</v>
      </c>
      <c r="E139" s="14" t="s">
        <v>6</v>
      </c>
      <c r="F139" s="17">
        <v>2788</v>
      </c>
      <c r="G139" s="17">
        <v>5128</v>
      </c>
      <c r="H139" s="17">
        <v>2192</v>
      </c>
      <c r="I139" s="17">
        <v>2936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7</v>
      </c>
      <c r="E140" s="14" t="s">
        <v>6</v>
      </c>
      <c r="F140" s="17">
        <v>2829</v>
      </c>
      <c r="G140" s="17">
        <v>5163</v>
      </c>
      <c r="H140" s="17">
        <v>2198</v>
      </c>
      <c r="I140" s="17">
        <v>2965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6</v>
      </c>
      <c r="E141" s="14" t="s">
        <v>6</v>
      </c>
      <c r="F141" s="17">
        <v>2816</v>
      </c>
      <c r="G141" s="17">
        <v>5145</v>
      </c>
      <c r="H141" s="17">
        <v>2202</v>
      </c>
      <c r="I141" s="17">
        <v>2943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5</v>
      </c>
      <c r="E142" s="14" t="s">
        <v>6</v>
      </c>
      <c r="F142" s="17">
        <v>2777</v>
      </c>
      <c r="G142" s="17">
        <v>5093</v>
      </c>
      <c r="H142" s="17">
        <v>2184</v>
      </c>
      <c r="I142" s="17">
        <v>2909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4</v>
      </c>
      <c r="E143" s="14" t="s">
        <v>6</v>
      </c>
      <c r="F143" s="17">
        <v>2804</v>
      </c>
      <c r="G143" s="19">
        <v>5098</v>
      </c>
      <c r="H143" s="17">
        <v>2198</v>
      </c>
      <c r="I143" s="17">
        <v>2900</v>
      </c>
    </row>
    <row r="144" spans="1:9" ht="23.1" customHeight="1" x14ac:dyDescent="0.15">
      <c r="A144" s="6" t="s">
        <v>4</v>
      </c>
      <c r="B144" s="10">
        <v>26</v>
      </c>
      <c r="C144" s="10" t="s">
        <v>3</v>
      </c>
      <c r="D144" s="12">
        <v>3</v>
      </c>
      <c r="E144" s="15" t="s">
        <v>6</v>
      </c>
      <c r="F144" s="18">
        <v>2691</v>
      </c>
      <c r="G144" s="20">
        <v>4984</v>
      </c>
      <c r="H144" s="18">
        <v>2113</v>
      </c>
      <c r="I144" s="18">
        <v>2871</v>
      </c>
    </row>
    <row r="145" spans="1:9" ht="23.1" customHeight="1" x14ac:dyDescent="0.15">
      <c r="A145" s="6" t="s">
        <v>4</v>
      </c>
      <c r="B145" s="10">
        <v>26</v>
      </c>
      <c r="C145" s="10" t="s">
        <v>3</v>
      </c>
      <c r="D145" s="12">
        <v>2</v>
      </c>
      <c r="E145" s="15" t="s">
        <v>6</v>
      </c>
      <c r="F145" s="18">
        <v>2715</v>
      </c>
      <c r="G145" s="20">
        <v>5013</v>
      </c>
      <c r="H145" s="18">
        <v>2137</v>
      </c>
      <c r="I145" s="18">
        <v>2876</v>
      </c>
    </row>
    <row r="146" spans="1:9" ht="23.1" customHeight="1" x14ac:dyDescent="0.15">
      <c r="A146" s="6" t="s">
        <v>4</v>
      </c>
      <c r="B146" s="10">
        <v>26</v>
      </c>
      <c r="C146" s="10" t="s">
        <v>3</v>
      </c>
      <c r="D146" s="12">
        <v>1</v>
      </c>
      <c r="E146" s="15" t="s">
        <v>6</v>
      </c>
      <c r="F146" s="18">
        <v>2750</v>
      </c>
      <c r="G146" s="20">
        <v>5044</v>
      </c>
      <c r="H146" s="18">
        <v>2148</v>
      </c>
      <c r="I146" s="18">
        <v>2896</v>
      </c>
    </row>
    <row r="147" spans="1:9" ht="23.1" customHeight="1" x14ac:dyDescent="0.15">
      <c r="A147" s="6" t="s">
        <v>4</v>
      </c>
      <c r="B147" s="10">
        <v>25</v>
      </c>
      <c r="C147" s="10" t="s">
        <v>3</v>
      </c>
      <c r="D147" s="12">
        <v>12</v>
      </c>
      <c r="E147" s="15" t="s">
        <v>6</v>
      </c>
      <c r="F147" s="18">
        <v>2741</v>
      </c>
      <c r="G147" s="20">
        <v>5027</v>
      </c>
      <c r="H147" s="18">
        <v>2133</v>
      </c>
      <c r="I147" s="18">
        <v>2894</v>
      </c>
    </row>
    <row r="148" spans="1:9" ht="23.1" customHeight="1" x14ac:dyDescent="0.15">
      <c r="A148" s="6" t="s">
        <v>4</v>
      </c>
      <c r="B148" s="10">
        <v>25</v>
      </c>
      <c r="C148" s="10" t="s">
        <v>3</v>
      </c>
      <c r="D148" s="12">
        <v>11</v>
      </c>
      <c r="E148" s="15" t="s">
        <v>6</v>
      </c>
      <c r="F148" s="18">
        <v>2788</v>
      </c>
      <c r="G148" s="20">
        <v>5068</v>
      </c>
      <c r="H148" s="18">
        <v>2152</v>
      </c>
      <c r="I148" s="18">
        <v>2916</v>
      </c>
    </row>
    <row r="149" spans="1:9" ht="23.1" customHeight="1" x14ac:dyDescent="0.15">
      <c r="A149" s="6" t="s">
        <v>4</v>
      </c>
      <c r="B149" s="10">
        <v>25</v>
      </c>
      <c r="C149" s="10" t="s">
        <v>3</v>
      </c>
      <c r="D149" s="12">
        <v>10</v>
      </c>
      <c r="E149" s="15" t="s">
        <v>6</v>
      </c>
      <c r="F149" s="18">
        <v>2819</v>
      </c>
      <c r="G149" s="20">
        <v>5102</v>
      </c>
      <c r="H149" s="18">
        <v>2175</v>
      </c>
      <c r="I149" s="18">
        <v>2927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9</v>
      </c>
      <c r="E150" s="15" t="s">
        <v>6</v>
      </c>
      <c r="F150" s="18">
        <v>2764</v>
      </c>
      <c r="G150" s="20">
        <v>5058</v>
      </c>
      <c r="H150" s="18">
        <v>2145</v>
      </c>
      <c r="I150" s="18">
        <v>2913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8</v>
      </c>
      <c r="E151" s="15" t="s">
        <v>6</v>
      </c>
      <c r="F151" s="18">
        <v>2740</v>
      </c>
      <c r="G151" s="20">
        <v>5034</v>
      </c>
      <c r="H151" s="18">
        <v>2143</v>
      </c>
      <c r="I151" s="18">
        <v>2891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7</v>
      </c>
      <c r="E152" s="15" t="s">
        <v>6</v>
      </c>
      <c r="F152" s="18">
        <v>2776</v>
      </c>
      <c r="G152" s="20">
        <v>5083</v>
      </c>
      <c r="H152" s="18">
        <v>2144</v>
      </c>
      <c r="I152" s="18">
        <v>2939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6</v>
      </c>
      <c r="E153" s="15" t="s">
        <v>6</v>
      </c>
      <c r="F153" s="18">
        <v>2792</v>
      </c>
      <c r="G153" s="20">
        <v>5092</v>
      </c>
      <c r="H153" s="18">
        <v>2156</v>
      </c>
      <c r="I153" s="18">
        <v>2936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5</v>
      </c>
      <c r="E154" s="15" t="s">
        <v>6</v>
      </c>
      <c r="F154" s="18">
        <v>2753</v>
      </c>
      <c r="G154" s="20">
        <v>5056</v>
      </c>
      <c r="H154" s="18">
        <v>2132</v>
      </c>
      <c r="I154" s="18">
        <v>2924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4</v>
      </c>
      <c r="E155" s="15" t="s">
        <v>6</v>
      </c>
      <c r="F155" s="18">
        <v>2798</v>
      </c>
      <c r="G155" s="20">
        <v>5108</v>
      </c>
      <c r="H155" s="18">
        <v>2170</v>
      </c>
      <c r="I155" s="18">
        <v>2938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3</v>
      </c>
      <c r="E156" s="15" t="s">
        <v>6</v>
      </c>
      <c r="F156" s="18">
        <v>2764</v>
      </c>
      <c r="G156" s="20">
        <v>5089</v>
      </c>
      <c r="H156" s="18">
        <v>2160</v>
      </c>
      <c r="I156" s="18">
        <v>2929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2</v>
      </c>
      <c r="E157" s="15" t="s">
        <v>6</v>
      </c>
      <c r="F157" s="18">
        <v>2789</v>
      </c>
      <c r="G157" s="20">
        <v>5117</v>
      </c>
      <c r="H157" s="18">
        <v>2186</v>
      </c>
      <c r="I157" s="18">
        <v>2931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1</v>
      </c>
      <c r="E158" s="15" t="s">
        <v>6</v>
      </c>
      <c r="F158" s="18">
        <v>2835</v>
      </c>
      <c r="G158" s="20">
        <v>5180</v>
      </c>
      <c r="H158" s="18">
        <v>2194</v>
      </c>
      <c r="I158" s="18">
        <v>2986</v>
      </c>
    </row>
    <row r="159" spans="1:9" ht="14.25" x14ac:dyDescent="0.15">
      <c r="A159" s="6" t="s">
        <v>4</v>
      </c>
      <c r="B159" s="10">
        <v>24</v>
      </c>
      <c r="C159" s="10" t="s">
        <v>3</v>
      </c>
      <c r="D159" s="12">
        <v>12</v>
      </c>
      <c r="E159" s="15" t="s">
        <v>6</v>
      </c>
      <c r="F159" s="18">
        <v>2881</v>
      </c>
      <c r="G159" s="20">
        <v>5234</v>
      </c>
      <c r="H159" s="18">
        <v>2200</v>
      </c>
      <c r="I159" s="18">
        <v>3034</v>
      </c>
    </row>
    <row r="160" spans="1:9" ht="14.25" x14ac:dyDescent="0.15">
      <c r="A160" s="6" t="s">
        <v>4</v>
      </c>
      <c r="B160" s="10">
        <v>24</v>
      </c>
      <c r="C160" s="10" t="s">
        <v>3</v>
      </c>
      <c r="D160" s="12">
        <v>11</v>
      </c>
      <c r="E160" s="15" t="s">
        <v>6</v>
      </c>
      <c r="F160" s="18">
        <v>2905</v>
      </c>
      <c r="G160" s="20">
        <v>5278</v>
      </c>
      <c r="H160" s="18">
        <v>2241</v>
      </c>
      <c r="I160" s="18">
        <v>3037</v>
      </c>
    </row>
    <row r="161" spans="1:9" ht="14.25" x14ac:dyDescent="0.15">
      <c r="A161" s="6" t="s">
        <v>4</v>
      </c>
      <c r="B161" s="10">
        <v>24</v>
      </c>
      <c r="C161" s="10" t="s">
        <v>3</v>
      </c>
      <c r="D161" s="12">
        <v>10</v>
      </c>
      <c r="E161" s="15" t="s">
        <v>6</v>
      </c>
      <c r="F161" s="18">
        <v>2916</v>
      </c>
      <c r="G161" s="20">
        <v>5281</v>
      </c>
      <c r="H161" s="18">
        <v>2256</v>
      </c>
      <c r="I161" s="18">
        <v>3025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9</v>
      </c>
      <c r="E162" s="15" t="s">
        <v>6</v>
      </c>
      <c r="F162" s="18">
        <v>2886</v>
      </c>
      <c r="G162" s="20">
        <v>5246</v>
      </c>
      <c r="H162" s="18">
        <v>2221</v>
      </c>
      <c r="I162" s="18">
        <v>3025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8</v>
      </c>
      <c r="E163" s="15" t="s">
        <v>6</v>
      </c>
      <c r="F163" s="18">
        <v>2830</v>
      </c>
      <c r="G163" s="20">
        <v>5172</v>
      </c>
      <c r="H163" s="18">
        <v>2203</v>
      </c>
      <c r="I163" s="18">
        <v>2969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7</v>
      </c>
      <c r="E164" s="15" t="s">
        <v>6</v>
      </c>
      <c r="F164" s="18">
        <v>2837</v>
      </c>
      <c r="G164" s="20">
        <v>5150</v>
      </c>
      <c r="H164" s="18">
        <v>2195</v>
      </c>
      <c r="I164" s="18">
        <v>2955</v>
      </c>
    </row>
    <row r="166" spans="1:9" x14ac:dyDescent="0.15">
      <c r="A166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1-06T05:06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